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75" d="100"/>
          <a:sy n="75" d="100"/>
        </p:scale>
        <p:origin x="1286" y="53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3" d="2"/>
        <a:sy n="3" d="2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svg"/><Relationship Id="rId3" Type="http://schemas.openxmlformats.org/officeDocument/2006/relationships/tags" Target="../tags/tag12.xml"/><Relationship Id="rId7" Type="http://schemas.openxmlformats.org/officeDocument/2006/relationships/image" Target="../media/image3.png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2.png"/><Relationship Id="rId5" Type="http://schemas.openxmlformats.org/officeDocument/2006/relationships/slideLayout" Target="../slideLayouts/slideLayout15.xml"/><Relationship Id="rId10" Type="http://schemas.openxmlformats.org/officeDocument/2006/relationships/image" Target="../media/image6.svg"/><Relationship Id="rId4" Type="http://schemas.openxmlformats.org/officeDocument/2006/relationships/tags" Target="../tags/tag13.xml"/><Relationship Id="rId9" Type="http://schemas.openxmlformats.org/officeDocument/2006/relationships/image" Target="../media/image5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5.xml"/><Relationship Id="rId1" Type="http://schemas.openxmlformats.org/officeDocument/2006/relationships/tags" Target="../tags/tag14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567688"/>
            <a:ext cx="3781552" cy="2130036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71450" lvl="1" indent="-171450">
              <a:lnSpc>
                <a:spcPct val="110000"/>
              </a:lnSpc>
              <a:spcBef>
                <a:spcPts val="2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Founded in 1975 by Ms. Happy (majority owner &amp; co-founder)</a:t>
            </a:r>
          </a:p>
          <a:p>
            <a:pPr marL="171450" lvl="1" indent="-171450">
              <a:lnSpc>
                <a:spcPct val="110000"/>
              </a:lnSpc>
              <a:spcBef>
                <a:spcPts val="2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 err="1">
                <a:solidFill>
                  <a:schemeClr val="tx2"/>
                </a:solidFill>
                <a:latin typeface="Arial" panose="020B0604020202020204" pitchFamily="34" charset="0"/>
              </a:rPr>
              <a:t>HappyHour</a:t>
            </a: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 Co. operates in beer, spirit &amp; non-alcoholic beverages segment which channels including both distribution and direct sales.</a:t>
            </a:r>
          </a:p>
          <a:p>
            <a:pPr marL="171450" lvl="1" indent="-171450">
              <a:lnSpc>
                <a:spcPct val="110000"/>
              </a:lnSpc>
              <a:spcBef>
                <a:spcPts val="2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Headquartered in Singapore along with operations in Malaysia &amp; China.</a:t>
            </a:r>
          </a:p>
          <a:p>
            <a:pPr marL="171450" lvl="1" indent="-171450">
              <a:lnSpc>
                <a:spcPct val="110000"/>
              </a:lnSpc>
              <a:spcBef>
                <a:spcPts val="2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Recently expanded in China &amp; new facilities planned for Cambodia. Upcoming bottling facilities in Cambodia.</a:t>
            </a:r>
          </a:p>
          <a:p>
            <a:pPr marL="171450" lvl="1" indent="-171450">
              <a:lnSpc>
                <a:spcPct val="110000"/>
              </a:lnSpc>
              <a:spcBef>
                <a:spcPts val="2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Offers high quality product in spirit segment with premium valuation.</a:t>
            </a:r>
          </a:p>
          <a:p>
            <a:pPr marL="171450" lvl="1" indent="-171450">
              <a:lnSpc>
                <a:spcPct val="110000"/>
              </a:lnSpc>
              <a:spcBef>
                <a:spcPts val="2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Market leader in beer, spirit (Singapore &amp; Malaysia) and non-alcoholic (Malaysia).</a:t>
            </a:r>
          </a:p>
          <a:p>
            <a:pPr marL="171450" lvl="1" indent="-171450">
              <a:lnSpc>
                <a:spcPct val="110000"/>
              </a:lnSpc>
              <a:spcBef>
                <a:spcPts val="2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Strong supply chain and distributor ties</a:t>
            </a:r>
          </a:p>
          <a:p>
            <a:pPr marL="171450" lvl="1" indent="-171450">
              <a:lnSpc>
                <a:spcPct val="110000"/>
              </a:lnSpc>
              <a:spcBef>
                <a:spcPts val="2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Press articles quoting primary valuation of UD$ 3,500 mm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795528" y="132080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3835400"/>
            <a:ext cx="4279392" cy="246888"/>
          </a:xfrm>
          <a:prstGeom prst="rect">
            <a:avLst/>
          </a:prstGeom>
          <a:noFill/>
          <a:ln>
            <a:solidFill>
              <a:schemeClr val="bg1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23561" y="383540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32080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9210C22C-AEA8-C3F8-33EF-D521E4BBFF2F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686560" y="4183422"/>
            <a:ext cx="2264931" cy="1996210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A43DA724-75C0-A597-FF93-6D742732C3A4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96DAC541-7B7A-43D3-8B79-37D633B846F1}">
                <asvg:svgBlip xmlns:asvg="http://schemas.microsoft.com/office/drawing/2016/SVG/main" r:embed="rId8"/>
              </a:ext>
            </a:extLst>
          </a:blip>
          <a:srcRect/>
          <a:stretch/>
        </p:blipFill>
        <p:spPr>
          <a:xfrm>
            <a:off x="4577080" y="1668448"/>
            <a:ext cx="2810500" cy="2029276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BFD70177-A164-070D-3A6B-D32A32019200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96DAC541-7B7A-43D3-8B79-37D633B846F1}">
                <asvg:svgBlip xmlns:asvg="http://schemas.microsoft.com/office/drawing/2016/SVG/main" r:embed="rId10"/>
              </a:ext>
            </a:extLst>
          </a:blip>
          <a:srcRect/>
          <a:stretch/>
        </p:blipFill>
        <p:spPr>
          <a:xfrm>
            <a:off x="7296140" y="1668170"/>
            <a:ext cx="2792210" cy="2029831"/>
          </a:xfrm>
          <a:prstGeom prst="rect">
            <a:avLst/>
          </a:prstGeom>
        </p:spPr>
      </p:pic>
      <p:sp>
        <p:nvSpPr>
          <p:cNvPr id="14" name="TextBox 13">
            <a:extLst>
              <a:ext uri="{FF2B5EF4-FFF2-40B4-BE49-F238E27FC236}">
                <a16:creationId xmlns:a16="http://schemas.microsoft.com/office/drawing/2014/main" id="{42902302-8075-2A49-88D2-C7D0785DC6DB}"/>
              </a:ext>
            </a:extLst>
          </p:cNvPr>
          <p:cNvSpPr txBox="1">
            <a:spLocks/>
          </p:cNvSpPr>
          <p:nvPr>
            <p:custDataLst>
              <p:tags r:id="rId4"/>
            </p:custDataLst>
          </p:nvPr>
        </p:nvSpPr>
        <p:spPr>
          <a:xfrm>
            <a:off x="5623560" y="4140262"/>
            <a:ext cx="4279392" cy="2139696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71450" lvl="1" indent="-171450">
              <a:spcBef>
                <a:spcPts val="2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Broker industry report indicates an EV/EBITDA multiple between 10x – 11.5x suggesting a positive future growth.</a:t>
            </a:r>
          </a:p>
          <a:p>
            <a:pPr marL="171450" lvl="1" indent="-171450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Company’s EBITDA margin was 25% &amp; 26% in FY 2018 &amp; 2019 respectively and expected to grow up to 28% in FY 2020</a:t>
            </a:r>
          </a:p>
          <a:p>
            <a:pPr marL="171450" lvl="1" indent="-171450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Historical net profit margin of </a:t>
            </a:r>
            <a:r>
              <a:rPr lang="en-AU" sz="900" dirty="0" err="1">
                <a:solidFill>
                  <a:schemeClr val="tx2"/>
                </a:solidFill>
                <a:latin typeface="Arial" panose="020B0604020202020204" pitchFamily="34" charset="0"/>
              </a:rPr>
              <a:t>HappyHour</a:t>
            </a: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 Co. in FY 2018 &amp; 2019 was 15% &amp; 15.9% respectively and is expected to grow up to 18% in FY 2020.</a:t>
            </a:r>
          </a:p>
          <a:p>
            <a:pPr marL="171450" lvl="1" indent="-171450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Favourable global M&amp;A trend with conglomerates acquiring regional food &amp; drink companies including beer &amp; spirit companies.</a:t>
            </a:r>
          </a:p>
          <a:p>
            <a:pPr marL="171450" lvl="1" indent="-171450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Beer market in Asia expected to expand &amp; growth at 10% CAGR. Expected rise in demand for tea over coffee as well as premium beers. </a:t>
            </a:r>
          </a:p>
          <a:p>
            <a:pPr marL="171450" lvl="1" indent="-171450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Key competitors include Spirit Bay, Hipsters’ Ale &amp; Brew Co.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2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99000532"/>
              </p:ext>
            </p:extLst>
          </p:nvPr>
        </p:nvGraphicFramePr>
        <p:xfrm>
          <a:off x="913379" y="1745511"/>
          <a:ext cx="8861879" cy="452139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Mar 19, 2020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ccess to Indicative Bid Documents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ccess to transaction information memorandum, vendor due diligence and financial forecasts will be granted.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Documents allow bidders to submit an indicative bid in respect to this transaction and will be available via online data room.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Bidders may submit up to 20 questions to financial advisor.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Response to these questions will be provided by online data room. 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ource of questions will remain confidential.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Bidder must submit the final Indicative Bid before mentioned date &amp; time.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pr 9, 2020, 9 AM – Apr 13, 2020, 5 PM (Hong Kong Time)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Q&amp;A Process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May 13, 2020, 5 PM (Hong Kong Time)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 Indicative Bid Submission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Late May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Beginning of Final Bid Phase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The Final Bid Phase will begin will the release of Process Letter Two. 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Bidders will be shortlisted based on Indicative Bid.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 Bid will progress with Shortlisted Bidders.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hortlisted Bidders will need to submit full &amp; legally binding bids (Final Bids).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More electronic data in data room with due diligence materials for shortlisted bidders along with following material;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Guided site visit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Presentation from </a:t>
                      </a:r>
                      <a:r>
                        <a:rPr lang="en-US" sz="900" b="0" i="0" u="none" strike="noStrike" cap="none" baseline="0" dirty="0" err="1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HappyHour’s</a:t>
                      </a: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management team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dditional Q&amp;A proces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Transaction implementation documentation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Late July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ubmission of Final Bid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67</TotalTime>
  <Words>513</Words>
  <Application>Microsoft Office PowerPoint</Application>
  <PresentationFormat>Custom</PresentationFormat>
  <Paragraphs>54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Arial Narrow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Patel, Sheersh</cp:lastModifiedBy>
  <cp:revision>22</cp:revision>
  <dcterms:created xsi:type="dcterms:W3CDTF">2020-04-17T12:29:06Z</dcterms:created>
  <dcterms:modified xsi:type="dcterms:W3CDTF">2025-02-23T05:30:26Z</dcterms:modified>
</cp:coreProperties>
</file>